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6"/>
  </p:notesMasterIdLst>
  <p:handoutMasterIdLst>
    <p:handoutMasterId r:id="rId7"/>
  </p:handoutMasterIdLst>
  <p:sldIdLst>
    <p:sldId id="344" r:id="rId5"/>
  </p:sldIdLst>
  <p:sldSz cx="12192000" cy="6858000"/>
  <p:notesSz cx="6858000" cy="9144000"/>
  <p:custDataLst>
    <p:tags r:id="rId8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44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721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056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76821098705252489"/>
          <c:h val="0.5036839499042307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7FBC-1D4A-874F-6A1AACFB6B0A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7FBC-1D4A-874F-6A1AACFB6B0A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7FBC-1D4A-874F-6A1AACFB6B0A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7FBC-1D4A-874F-6A1AACFB6B0A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7FBC-1D4A-874F-6A1AACFB6B0A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7FBC-1D4A-874F-6A1AACFB6B0A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7FBC-1D4A-874F-6A1AACFB6B0A}"/>
              </c:ext>
            </c:extLst>
          </c:dPt>
          <c:dPt>
            <c:idx val="7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7FBC-1D4A-874F-6A1AACFB6B0A}"/>
              </c:ext>
            </c:extLst>
          </c:dPt>
          <c:dPt>
            <c:idx val="8"/>
            <c:bubble3D val="0"/>
            <c:spPr>
              <a:solidFill>
                <a:schemeClr val="accent1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1-7FBC-1D4A-874F-6A1AACFB6B0A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7FBC-1D4A-874F-6A1AACFB6B0A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7FBC-1D4A-874F-6A1AACFB6B0A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7FBC-1D4A-874F-6A1AACFB6B0A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7FBC-1D4A-874F-6A1AACFB6B0A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7FBC-1D4A-874F-6A1AACFB6B0A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7FBC-1D4A-874F-6A1AACFB6B0A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7FBC-1D4A-874F-6A1AACFB6B0A}"/>
                </c:ext>
              </c:extLst>
            </c:dLbl>
            <c:dLbl>
              <c:idx val="7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F-7FBC-1D4A-874F-6A1AACFB6B0A}"/>
                </c:ext>
              </c:extLst>
            </c:dLbl>
            <c:dLbl>
              <c:idx val="8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11-7FBC-1D4A-874F-6A1AACFB6B0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10</c:f>
              <c:strCache>
                <c:ptCount val="9"/>
                <c:pt idx="0">
                  <c:v>      127  Faculty of Theology and the Study of Religion</c:v>
                </c:pt>
                <c:pt idx="1">
                  <c:v>      484  Faculty of Law</c:v>
                </c:pt>
                <c:pt idx="2">
                  <c:v>      652  Faculty of Business, Economics and Informatics</c:v>
                </c:pt>
                <c:pt idx="3">
                  <c:v>  2,942  Faculty of Medicine</c:v>
                </c:pt>
                <c:pt idx="4">
                  <c:v>      827  Vetsuisse Faculty</c:v>
                </c:pt>
                <c:pt idx="5">
                  <c:v>  1,938  Faculty of Arts and Social Sciences</c:v>
                </c:pt>
                <c:pt idx="6">
                  <c:v>  1,680  Faculty of Science</c:v>
                </c:pt>
                <c:pt idx="7">
                  <c:v>  1,558  Central Services</c:v>
                </c:pt>
                <c:pt idx="8">
                  <c:v>      374  Strategic Programs </c:v>
                </c:pt>
              </c:strCache>
            </c:strRef>
          </c:cat>
          <c:val>
            <c:numRef>
              <c:f>Tabelle1!$B$2:$B$10</c:f>
              <c:numCache>
                <c:formatCode>General</c:formatCode>
                <c:ptCount val="9"/>
                <c:pt idx="0">
                  <c:v>127</c:v>
                </c:pt>
                <c:pt idx="1">
                  <c:v>484</c:v>
                </c:pt>
                <c:pt idx="2">
                  <c:v>652</c:v>
                </c:pt>
                <c:pt idx="3">
                  <c:v>2942</c:v>
                </c:pt>
                <c:pt idx="4">
                  <c:v>827</c:v>
                </c:pt>
                <c:pt idx="5">
                  <c:v>1938</c:v>
                </c:pt>
                <c:pt idx="6">
                  <c:v>1680</c:v>
                </c:pt>
                <c:pt idx="7">
                  <c:v>1558</c:v>
                </c:pt>
                <c:pt idx="8">
                  <c:v>37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2-7FBC-1D4A-874F-6A1AACFB6B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64680423800888387"/>
          <c:w val="1"/>
          <c:h val="0.327726396173311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9.6526993152151255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B16-4F15-A154-A251FA8CF9E8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B16-4F15-A154-A251FA8CF9E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B16-4F15-A154-A251FA8CF9E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B16-4F15-A154-A251FA8CF9E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EB16-4F15-A154-A251FA8CF9E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EB16-4F15-A154-A251FA8CF9E8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EB16-4F15-A154-A251FA8CF9E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   745  Professorships</c:v>
                </c:pt>
                <c:pt idx="1">
                  <c:v>  5,975  Non-professorial Academic Staff</c:v>
                </c:pt>
                <c:pt idx="2">
                  <c:v>  3,674  Administrative and Technical Staff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745</c:v>
                </c:pt>
                <c:pt idx="1">
                  <c:v>5975</c:v>
                </c:pt>
                <c:pt idx="2">
                  <c:v>367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B16-4F15-A154-A251FA8CF9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7.7829883290222668E-2"/>
          <c:y val="0.73059775628932788"/>
          <c:w val="0.91873621673536843"/>
          <c:h val="0.1135564418584717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544173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Universitätseinh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8FCB81-0C63-45CD-9D94-A78981A95B77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7D526C9F-D78C-A1C8-B22D-122736EC2F5E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EEBEE38-90C0-68F8-53F6-37ACBFF1050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5E4EF42-AEC6-FF79-D9A9-36E82122A7E4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D8423471-DF7D-4CBA-21AB-7854A155E0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970711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B5FB68F-A8A5-CA17-37F5-32A7975926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32917" cy="846000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en-GB" noProof="0" dirty="0"/>
              <a:t>Insert captio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noProof="0" dirty="0"/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Insert title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r Verbinder 1">
            <a:extLst>
              <a:ext uri="{FF2B5EF4-FFF2-40B4-BE49-F238E27FC236}">
                <a16:creationId xmlns:a16="http://schemas.microsoft.com/office/drawing/2014/main" id="{5A04CBAD-2C4F-A402-4949-1283FB197368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 marL="0" marR="0" indent="0" algn="l" defTabSz="914400" rtl="0" eaLnBrk="1" fontAlgn="auto" latinLnBrk="0" hangingPunct="1">
              <a:lnSpc>
                <a:spcPct val="97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F1680C-B693-399A-6FDC-7FE19D36337B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Contac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1961357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389084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0BB376B-B782-D432-52A9-81BA6B84DB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52B4FB45-A14D-E8AA-2FF4-BE2F3CD5F2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21349" cy="625944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Insert tit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4" y="6424761"/>
            <a:ext cx="1062000" cy="3016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noProof="1">
                <a:latin typeface="Source Sans Pro SemiBold" panose="020B0603030403020204" pitchFamily="34" charset="0"/>
              </a:rPr>
              <a:t>University of Zu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4184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5228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zational Un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8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58" r:id="rId2"/>
    <p:sldLayoutId id="2147483667" r:id="rId3"/>
    <p:sldLayoutId id="2147483683" r:id="rId4"/>
    <p:sldLayoutId id="2147483698" r:id="rId5"/>
    <p:sldLayoutId id="2147483695" r:id="rId6"/>
    <p:sldLayoutId id="2147483659" r:id="rId7"/>
    <p:sldLayoutId id="2147483669" r:id="rId8"/>
    <p:sldLayoutId id="2147483661" r:id="rId9"/>
    <p:sldLayoutId id="2147483674" r:id="rId10"/>
    <p:sldLayoutId id="2147483699" r:id="rId11"/>
    <p:sldLayoutId id="2147483675" r:id="rId12"/>
    <p:sldLayoutId id="2147483697" r:id="rId13"/>
    <p:sldLayoutId id="2147483671" r:id="rId14"/>
    <p:sldLayoutId id="2147483682" r:id="rId15"/>
    <p:sldLayoutId id="2147483684" r:id="rId16"/>
    <p:sldLayoutId id="2147483677" r:id="rId17"/>
    <p:sldLayoutId id="2147483672" r:id="rId18"/>
    <p:sldLayoutId id="2147483679" r:id="rId19"/>
    <p:sldLayoutId id="2147483685" r:id="rId20"/>
    <p:sldLayoutId id="2147483680" r:id="rId21"/>
    <p:sldLayoutId id="2147483681" r:id="rId22"/>
    <p:sldLayoutId id="2147483686" r:id="rId23"/>
    <p:sldLayoutId id="2147483687" r:id="rId24"/>
    <p:sldLayoutId id="2147483691" r:id="rId25"/>
    <p:sldLayoutId id="2147483690" r:id="rId26"/>
    <p:sldLayoutId id="2147483696" r:id="rId27"/>
    <p:sldLayoutId id="2147483688" r:id="rId28"/>
    <p:sldLayoutId id="2147483692" r:id="rId29"/>
    <p:sldLayoutId id="2147483670" r:id="rId30"/>
    <p:sldLayoutId id="2147483700" r:id="rId31"/>
    <p:sldLayoutId id="2147483678" r:id="rId32"/>
    <p:sldLayoutId id="2147483693" r:id="rId33"/>
    <p:sldLayoutId id="2147483663" r:id="rId34"/>
    <p:sldLayoutId id="2147483664" r:id="rId35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Relationship Id="rId4" Type="http://schemas.openxmlformats.org/officeDocument/2006/relationships/chart" Target="../charts/char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m 3" descr="Ein Kreisdiagramm mit 2 Kategorien.">
            <a:extLst>
              <a:ext uri="{FF2B5EF4-FFF2-40B4-BE49-F238E27FC236}">
                <a16:creationId xmlns:a16="http://schemas.microsoft.com/office/drawing/2014/main" id="{D1BC30EF-48CB-9935-DAE5-F2603B61931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051679859"/>
              </p:ext>
            </p:extLst>
          </p:nvPr>
        </p:nvGraphicFramePr>
        <p:xfrm>
          <a:off x="6244742" y="345681"/>
          <a:ext cx="4531778" cy="59836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19C0C38B-B55F-4FD7-AD84-35DAB74F898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838359786"/>
              </p:ext>
            </p:extLst>
          </p:nvPr>
        </p:nvGraphicFramePr>
        <p:xfrm>
          <a:off x="-96688" y="63341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Titel 1">
            <a:extLst>
              <a:ext uri="{FF2B5EF4-FFF2-40B4-BE49-F238E27FC236}">
                <a16:creationId xmlns:a16="http://schemas.microsoft.com/office/drawing/2014/main" id="{7C682B2A-F904-E577-4949-D8F19C317D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Staff</a:t>
            </a:r>
            <a:r>
              <a:rPr lang="de-DE" dirty="0"/>
              <a:t> 2025</a:t>
            </a:r>
            <a:endParaRPr lang="de-CH" noProof="0" dirty="0"/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CFA2D220-B3C1-B6EA-40E0-F7FE853FAC57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aff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Employee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Group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69550ED0-B293-3FD1-FF4C-6373D45AB328}"/>
              </a:ext>
            </a:extLst>
          </p:cNvPr>
          <p:cNvSpPr txBox="1"/>
          <p:nvPr/>
        </p:nvSpPr>
        <p:spPr>
          <a:xfrm>
            <a:off x="6357560" y="595427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aff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Organization</a:t>
            </a:r>
            <a:endParaRPr lang="de-CH" b="1" dirty="0">
              <a:solidFill>
                <a:srgbClr val="1F1F29"/>
              </a:solidFill>
              <a:latin typeface="Source Sans Pro" panose="020B0503030403020204" pitchFamily="34" charset="0"/>
            </a:endParaRPr>
          </a:p>
        </p:txBody>
      </p:sp>
      <p:sp>
        <p:nvSpPr>
          <p:cNvPr id="3" name="Inhaltsplatzhalter 6">
            <a:extLst>
              <a:ext uri="{FF2B5EF4-FFF2-40B4-BE49-F238E27FC236}">
                <a16:creationId xmlns:a16="http://schemas.microsoft.com/office/drawing/2014/main" id="{EA2E2F24-6FFC-34C3-99EB-3B038D255C1A}"/>
              </a:ext>
            </a:extLst>
          </p:cNvPr>
          <p:cNvSpPr txBox="1">
            <a:spLocks/>
          </p:cNvSpPr>
          <p:nvPr/>
        </p:nvSpPr>
        <p:spPr>
          <a:xfrm>
            <a:off x="1055440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,323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D4A6D9D0-D3F8-47F2-F42C-23715EB65043}"/>
              </a:ext>
            </a:extLst>
          </p:cNvPr>
          <p:cNvSpPr txBox="1">
            <a:spLocks/>
          </p:cNvSpPr>
          <p:nvPr/>
        </p:nvSpPr>
        <p:spPr>
          <a:xfrm>
            <a:off x="1058798" y="3143032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aff</a:t>
            </a:r>
            <a:r>
              <a:rPr lang="de-CH" sz="1500" b="1" dirty="0"/>
              <a:t> </a:t>
            </a:r>
            <a:r>
              <a:rPr lang="de-CH" sz="1500" b="1" baseline="30000" dirty="0"/>
              <a:t>*</a:t>
            </a:r>
          </a:p>
        </p:txBody>
      </p:sp>
      <p:cxnSp>
        <p:nvCxnSpPr>
          <p:cNvPr id="7" name="Gerader Verbinder 6">
            <a:extLst>
              <a:ext uri="{FF2B5EF4-FFF2-40B4-BE49-F238E27FC236}">
                <a16:creationId xmlns:a16="http://schemas.microsoft.com/office/drawing/2014/main" id="{2210F261-EDB3-73C9-A047-AACB44E4123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084173" y="3105989"/>
            <a:ext cx="1512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Inhaltsplatzhalter 6">
            <a:extLst>
              <a:ext uri="{FF2B5EF4-FFF2-40B4-BE49-F238E27FC236}">
                <a16:creationId xmlns:a16="http://schemas.microsoft.com/office/drawing/2014/main" id="{7462DAB1-0486-C156-3EA2-826EF34D210F}"/>
              </a:ext>
            </a:extLst>
          </p:cNvPr>
          <p:cNvSpPr txBox="1">
            <a:spLocks/>
          </p:cNvSpPr>
          <p:nvPr/>
        </p:nvSpPr>
        <p:spPr>
          <a:xfrm>
            <a:off x="7204912" y="2060848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,323</a:t>
            </a:r>
          </a:p>
        </p:txBody>
      </p:sp>
      <p:sp>
        <p:nvSpPr>
          <p:cNvPr id="13" name="Inhaltsplatzhalter 6">
            <a:extLst>
              <a:ext uri="{FF2B5EF4-FFF2-40B4-BE49-F238E27FC236}">
                <a16:creationId xmlns:a16="http://schemas.microsoft.com/office/drawing/2014/main" id="{2C015C94-3DBD-30D3-3C35-57F303C6BFB2}"/>
              </a:ext>
            </a:extLst>
          </p:cNvPr>
          <p:cNvSpPr txBox="1">
            <a:spLocks/>
          </p:cNvSpPr>
          <p:nvPr/>
        </p:nvSpPr>
        <p:spPr>
          <a:xfrm>
            <a:off x="7204912" y="2760067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aff</a:t>
            </a:r>
            <a:r>
              <a:rPr lang="de-CH" sz="1500" b="1" dirty="0"/>
              <a:t> </a:t>
            </a:r>
            <a:r>
              <a:rPr lang="de-CH" sz="1500" b="1" baseline="30000" dirty="0"/>
              <a:t>*</a:t>
            </a:r>
          </a:p>
        </p:txBody>
      </p:sp>
      <p:cxnSp>
        <p:nvCxnSpPr>
          <p:cNvPr id="14" name="Gerader Verbinder 11">
            <a:extLst>
              <a:ext uri="{FF2B5EF4-FFF2-40B4-BE49-F238E27FC236}">
                <a16:creationId xmlns:a16="http://schemas.microsoft.com/office/drawing/2014/main" id="{D91A2C22-D641-F5AB-1CE1-F4463649CB2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7204912" y="2723024"/>
            <a:ext cx="1584176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feld 8">
            <a:extLst>
              <a:ext uri="{FF2B5EF4-FFF2-40B4-BE49-F238E27FC236}">
                <a16:creationId xmlns:a16="http://schemas.microsoft.com/office/drawing/2014/main" id="{F877DF98-D823-F4BF-D38E-8C6CEF795793}"/>
              </a:ext>
            </a:extLst>
          </p:cNvPr>
          <p:cNvSpPr txBox="1"/>
          <p:nvPr/>
        </p:nvSpPr>
        <p:spPr>
          <a:xfrm>
            <a:off x="288000" y="5403216"/>
            <a:ext cx="2664296" cy="2431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00" b="1" dirty="0"/>
              <a:t>* 10 323 headcount (7 882 FTE)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7590E303-2707-12D2-A491-B84BEF011B79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31871394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DESIGNSETTINGS_SIZE" val="1"/>
  <p:tag name="HTTP://SCHEMA.OFFICEATWORK365.COM/2015/DESIGNSETTINGS_0" val="b2ZmaWNlYXR3b3JrRG9jdW1lbnRQYXJ0OlUyRnNkR1ZrWDErNFhCbUlmSWo1dmRKWVpCQWhTZkpVTVg2ZWtGd0UrcDB1YndaNmtDL1JCbUVncWUwYUh3V0hlU0lwMzhqM1RlRURDNGRySnoyRVRnPT0"/>
  <p:tag name="HTTP://SCHEMA.OFFICEATWORK365.COM/2015/EVALUATION_SIZE" val="1"/>
  <p:tag name="HTTP://SCHEMA.OFFICEATWORK365.COM/2015/EVALUATION_0" val="b2ZmaWNlYXR3b3JrRG9jdW1lbnRQYXJ0OlUyRnNkR1ZrWDE5SXkzcUFQK25FK1BFdmVzVlU1THB1ZVZna04rendaWnBuSVdKTFdBeVBkbUdHOUJiMTlOMTZ2TEdRNnRBeGtiWkJvbENUcFRHeUlkMWRKaWNtdituMk1KL2IvRUV2dXRwTDcza214V2M4TTQ0TVQyVkdJYVBITEd5UFlpcVpVWXdSVUsvb3NwbFN2V09XUUYrVHltZjBsbTNYaDZmZW40dkZDVElxY0FzUkFLQjlSdWx0MkE4SDMrTGI2M2Z0NEorNTNhMUQ1czF4ZUhJYVpTdUFUTmlEQmZ5ZEFMY0tacXA5NVVtQ0VEUHE0dFpaVUdXTjRPWUd0NmFRbHZ2NUhLc2RkVE9rbXhRU2NVQWxpM2xabk5XN3pWOWc2T1dFbzB2T2xpWWJtaUxPTldnaVp6OEU1Y1RuM3I2T2tCZDY1U3JoY2tlVHp0bkl1SENtSkltdnFjOEh0MWJhdTk2Q0thNjIvWVcwUTRnTzVhcmpNZzNQRzJjeVdaSnIwbTludU5QQmltd0dNZDUwbVdCK3g0aVFRTk9OT2JidGZmNmc1ZmdObnNNdGJISnNsSVp4SWNoV3laRUM3eGhmZ21VQkg3aWJ3TmorUjd0VTZFWE1aaVBDZGVvSk9Da2VUWnpKdUdyQ0p6eE1Td3p3cUVkSm83WHNacVlrakVNSlExRTN0T3VhcCtrWURPVGFIeFFsVEtydnN0R1daNktGNEt5S2M0Rk1kOFY2NXUvdEVUc0gxWnd6bVpSUUN2eXIveXFSMDIycEpqNkFWcFJuSmswZ29CcWYzS01pT2FzN2VqMG84WXMwTFdzWXZQVkgyUmllRkpKYklHOGh0c0d6cmFFSkF2MmFRa09NT0d2dkVjWUhIaFdISDJPeUZlR2o0OWNhcVhpYnNDNzU3RmlPMTF1UmtnTDlIZXl1dWpTUllFN2o2L2RHTFN5S1NKRVB3ZU8za1lQZjlOaUZGYlZkWEpyZDVMSERscG1WeFJ0V2Q1U293QWEwdTViQXk4cVFDczFiVmlaMHpsY2NsdVd4NXl5WUNJM0svOGthdjkwVWg3eXFIN3NCUGlyd1RHTWY4YUZOR1k1dVQyeE1rRno2TzdtNVdYRm5Qcjh0NnFTeEg2RytNZUdUSFFPNS9zdHYrQzU0MU1GbEI4Y05obUlnaUh2c3QwRDBGYTVTSUNtcU10clN3cVZSeEhvN3l3TkFPVFhxYVQyRFM3ei9DMXNtVVUyb3c0RmhaYndlZHpXUG9GZXlza3orQ0szOUpkY3pZRks1eUtqOGlhUHNQd3IyS05EenAyekpNYVVBbEoxUEMrYWY4SGtBeFpxa3NndFlzV1VnazlLNGtpTWMvejNhcWVOM3dYZVZ4LzhEMmdZd29pMkNkcE0zeTZ3MGNwU2dxNUZCbHBXMHZFSTAzY1QyL2dzaVU0aVNmazY0SDhUUXhsTXhtUENObWRndUtEd2tVMjRadTZDN0Q3d3d4OXpSRXBHdHhzVUFDdzFlbHVwNk5COHI3dzBYWUZGUmhlZzlUZElmZlVWUTlUc0ljcS9mZjJNWm55b1RTSll4Qm1ZeFhlWVRiejNXY2lWMlFkQ25OZU9DQkNrL2RaK0gzUERteXZaSWhIeXlNOHk4THpHZ3ZFN0syN2MvdFlha0lpSS8vT0VhREVQQUhTNWxwLzVRZ2xlb1J4d1ZNVzdlZ3JlZmRzdEwvS1BLUndBOStLTXA0UDFZa2xPYkRVbTRQV1RuZVQyaWJGeW1RdmN0MVhiK0FySFpkVWpGQWE0aGpseFl4UW9LUnFNZGdlektpRUVCWFl4ZUtUVGlZT0VhSEN5KzZsdldtT3FaL3hsRFNpTksrdlppYXRJTEp5YUFpWGZMQ0t0eCt0RXNwbTlHZ2o3SVZNaUpJc2ZLYkoyQzkxa0dVY2oxQXRhQU4xNnN0eFN5VTJGWC9QMmJoeitOM2M5UWF1ZFRGRlBSaTA4aCtGVmVnYVlod0FFeW1Ka2FabUYwLzd1bWFseGwzbEtsYkNCUDViNDd1elVUTFU2K2JmT0lNQUlBTDBoeWdsVkVhNmhrTVYvRlpQeFBYVlptZ05yeENMOEZuSzNxTEZLOEhJUkJNYmhnZ0hXOGpUeE9SRkN5MlNTMk00dmgzbEszQWNhc3NVUGxDbFVPR3AxV0hlQUFKU0dYTmtJTUFuSk4zd3NnZUlzc1RqQUFHWm5aeEQvK3NoZDhTbnZ1bHZ3UmRWUWQrWkozUGVPcGowaWdFS2xLL0pHbHpzU1Q1aUQ5K1cvRDhOOWFpWVRxQ012dlRFcUxKeFRNTFZUVldLQjM2M0ZoNUpremZhQkRUbWpLNWhWczBWcEtkSDljd2IyTEUwbnhyMUZ1STZSd0NES3hvRkFIOFh0bGZNWlpKQnVNZFBxZisxdXVJaERORjFVdE81Y0REbmVNNVE1NXZpckNBSnJTZTFIVWhXMk00UTBiU28yMk5peDdYNzE0dHlKQktyRGZ5VGhkM2Z6czZESkpRQ3NOVjdRdnpxY29sOXBZNWx5dHFIRzJTV1E4VjIwNjBmK0VzRUZCTWJqWE5FdUxLNjZZd0NxZ0t0cVJ1K295dDBqK05jc0ZCN3luVlcyRXM3WGcvNzRkUDJ3UGdmT0s1Z1lCVDZ1a3I0bU9KNzhMWUxDNFlaOTlxT245TWliakZ0NlRvZ1JneTAzVDdkdzRhRmRjOVN6ZmpkdTZqa2k4aHZyVEVnZXpiVWw4WDJMZ1gzVWNBNG5sdmxkKzNxZG9WWTYyYS95WjROaEg0bTVYZ2RJdmx0QmlsQ0ZhUCthMmUzZHJDNE1aS0RWU0VDazRHSjFQR1c3dW1FMlB3RUR2M3YwRFczeXNmYnE0Zm1zd29uWDZJb2hyZGd1ZkFoRkhQR1c4TDVMcXFzd0dLYTZOTVg2RTJqbmVEc0czRHQzaUxnZEFKaEpwM3doRVVpTytET3lreWJLNVJLYVBycjVTei9uaC83UjhpSWJHWWE5SGMzdzNTRkNZaTlKNzJISGtHVlB3RmFTdHRtazEvMkF1WC9wa0M3N1lKWTFiajRDOEJYMzhzM3RqVFd5R1JaRDFUcnlKS09najkvNEw0bUw3aTZkL1k3UW1wSlhRQlZidkhkeHhTak1sbnRLUHgrMzB0Z25RbUF5R0RHZWloNHdzWWxnSEJ2ZmdrSDhhaEdQTHZHeUVweG5DbDBGQnhzbktLL0thQ0JmZXVNTjB5VVZoNmdnUkdpK1ZRT25jNmwrbzhxMEptVnUzTmNBTmNXNi9mN3dWMWgrQ0lhRVo2R1NVak5iZUV0N3cxeTlkWi9PeW11a0h2S1Q5SmljV0dqeE80YTVqQUdvaDh0dTE4aU1LdDhrLy9abUpYaHVvcDUvZlh6TW80c3Q2Z0hHWE41Y09KZlNZYjcxRUdudFRBRDhONk9tbExHUzRhR01ZeDgvOWRWSGJWTGpsZnltcjIvSTdyU2FWcnJKS2g0dXU3cFVRSk15WGdEampmcFl2MGxHQ0x0YmtJdldvbVVYZDdCd0wvRFY1RTZlZkh6aGpxY1B6ZEljTUJHV3lacEVrcmh2c0N0RDV6QTMwTTAwTXVVdEw1K2ZPT09oR2NCL0RtYUJlc29OWGQ5dms1emVsNEZCb1MwWDB5bXo5dUM4TEJvWHlIQyt1eGpwV1VnRGkyMDNob0ZWR256dEFaeENjcFF1dDdzZVNFTEw3VmRkYUJHMzZYRkt3NUZQcHlpREhxdEJLM1FtUnRCWVlVdk1Pc3ZsZGRrcjArdHFQMFRKM3djNDhyVUhGN0dnYWFLT1pPNHk4Qk81emFsakh0ZUV5WGtYcWlya0RpNHZvQXdvcDMvNzY5a3NpOWowNmxpVnJ3Si9iK1FMeWhaMlZ1Y2UwUG0rUVN0WTc0WC9HMUx3N25VTG9tR3V0UFFhVmNIOURacVo0bDRQUlozTk5OcGJRWXpEUzhxMHBYazVQQzhyVUhaOVc0WGlRakpadWFJVTV2akZNYWE4UGdldXFoRHUvTno2SWVCaDYzNG4ySmsyZ25HLzlKQmhYRVBXTk5OMVE0MzgwVi9wUHFuZ1lFc0RiU3Jrcmhqa25nTGtpSWJDWnZRaGhPTjgvKzcxTnQvWHMxb1dlZlpKdHo4c2hQRXlKR3RQWlNReVlCb0YrdXkyVG05SlhUQmpMNmQ5anNoYnJQUWRXeWxrcHFCVElQYld1b1B3TXBNNzBWOGx3Mm80OGRGQzFJeHpXVGxXMnZOTGJ5M2xpK09vKzhZZmNVSlU4dDJDT0poNE1uTVllamNFT0krSEpZME5SSDV4MFZZSjZmREprdnNkc0laVWZvZmlPMERlanRHanpvUW90THgvdzRzMmU0eEo2bjh2WHQ1WDR4Vy9GNXF0ZGxhQ2lhdXgzdnpUYmF3czRYeTc1UFBVd2xYbCswNGlCY001dThoQUdFL1VqUWVLV01tb0hFTmdYaVNPSXMxVk5aT0lVemc5REpwZFBIbnN3NElmcWZFMkZPVGFRdVFNZ0RRM2xqaTVVWGxnTU8rQ2U5SThjVjVRemRSK0NHUHVtUnRpMFJXdjBBa3g4a1FFYXczNXh5R05IcytaZ2k4Q3BDbW1NSDlrbkVMWjFNVUxIMzk1cytFTGVoU2RaRjFlZTRic2w1UVhqWFFSSHJhOTlkam93em9BTndLUUF6QndjajFyOHJ6NklaMmxHZjZyRTdISVJJZmROZzIxMW5ZaTkvcG80dkIwZHEyeEJNdlVrMlVIcVRNcXNpWnV4QzI3Z0JJKzNqSjZKS2ZmSWxneXE2NSs3NXRNRGlaZDVqREk2UW0veW1wK1Y4NG9FVG9rUENjdzBFR3k5QXo1SVQ5TnpsSkZvTklTcVJvUitwRmxTOExsdzRVM3cwK3oxbFZiKy9OOU8vTzFMc1krTWdOa1BUMm8vQjlOc3FYQWFaUzdXSDBBS2VYNnQ5L0g2bUNPaTdGRnIvR1h1Q00wa3huZHk0K0JGbXFObm5HYklPbkJoWGNwYzZsMit0UzFxNjFoRWEwYk9BRG5vNHVDSGdkNmZmM3FUNDJ1UE5jbFY0VE1OSkF2ejNxNU1UVkVLNjJLWXNOSGMyUE5RQWdkWUFtWC91U2FCN1YxQkdmc1B2T0JoM3lpbGU1NkJ0Y0JyUThHUjFCRjJOMUsyT2VlTlRoZDVWa2JobnQ4K1RkM0F5YnRGTXJFWjdGdnFwenc5NlJicDBhRFIzendpaTh0Y1JMS0xOcjdPR0xtYkhBalhmV0ZDTW1QWFFzbDlZVVpzQWgyNWNYaHRIeTJmT050d0V3Y0V3OU15cGU5SW5EckZmQUdSL05oMWxZVUV1NW11NWU1NWZWM2tUNm9ydC9ZTUdiVzF1eXJYSHNLK1NPamR2SnAxcktuNklOSXp6S0M4V2EzUkUrYXJIc25BL3dudXR4RFFDLzhLSFo1WExaaVNlYUZEMC9wSE5mSHh4cXl5ZWhCWjNzM1o2MExxSmNydTJodXV2WllJamQ3UEtZcVJKc0J6amFhM0MvczFTLzhxdVhOL2JObk5Dcmd2VWxkcEdKbUN6dWcwYUVQVHRNU3JrdFc1dFZUbFNGREhpdElzR3d4dVpnRFVsdm5PWEw5V2dONVU0aTAvVExoOW90MHhUdVducHpzbjhwZ3RMUzk1KzdMUG1rRFpFYkt6UHNaNktJVVQ1Sk8xN0RLc014S2hzVG1WcXpiNFpLTERYNkNGTVVGQWRZb2xIVldIV1JYei9MRHg5S0tJN0Naa3NHWVorYS9yUUdWUTlRZG12Z1YxZlJpSWoxTzBCL2dWMUNDRlNuL2ptaTh3Y0k1OVM3aWhUcldvZ2hjNEw4M2t4bVdJME1XeGR4ZzFoWUhsMkhRSHQ0YnpYbGhXLyswZzZ0VlZTNEQ5bGszQ0duNXA3Mk5lbmNFQ1R0Z2NyUWxFbEdmSUc2emVvVnhlbUh2c1BsdXcxb3dOT2RMVkU1UFBhUzJJdjBFK0hQb3VxTjdIZjFndFY1WVcvTUNTUU1HcXpLeGdoSy9VU0tYYmhKNXNFbnhnMExRN3B6ZFNPcStrTTJjTzUyckpMdUgwWElyYVgzUDBINkU0WHhhN3N2WFNhU2ZsbGY0cnptK0ZpYVlwcDBXTy9YRXRLZlRxSzQyRTVhWmluSkxFVmxNVjdoanFyK3JHL0ZhZ1BCMEVFY1BPc29Jd3RIaDJWTmtnNjNEYXYvSFhTRXh1VHFhenBERzY5ZFNSMGVXc3cwTGFLMlUycDhpZGZra2tZd3p5ZGliT0hyVk9ubXBKT1NJZzFpV2NkU2ZseDhNM3hlZU5QaHp3QXlEclFhWUlmMTdPRmhidTZ4eGRMcE1qV0ltb01Db3lYME14ZUpkc0libXdPYnBoVGcwVkZ4M3JVcWcwQzMxR05wSS94Z0J0NzBsS0cySlI0RGN1cHJPRklXZUp4K0JQMEc2RFBJU29CaXAvZVU5MEMxOVlXN2JmZFBSR0VWTEV6QkI2TjF2K0llMmtrQjZXNTI3Q0U1cE1Mam10eW4vTVVZN0VXS2ZXU1dndlVyTXBSaUQ1aTkxQkc2WDhlUUpxVTVnNWR4T3BNdStqY0xVUmNOaEhhWjVQTkdWZ3hReUFFZjZKZnFodW5ONGw1QjZFaGVSTnpMMWtMOUVKNWdGSmtHY3BnL1dwUEVXNkc3dzFYUlNNOUtNVktuN2p6ZXA0NGFUTkI3S1EzTGNXMHJOTGhOVWJXSEJTbFMxTGFVNTFtblo2aUZMVjhJZEVBWDIvSnUzeDV6a0YzNHhwTTc0WGd2OGVjcWtsZnFmSXU3ditvT1U3WDVmVk1udGtTdGdoUFI5TWV2eXZGN2N3c0c2azN2QjU5RTRyL2FGdTZXU0J6dWpmbWZObUlJQ1FjUDRnMjFwQzBMYVpTak1zOS85anlUV3plVHhpaGdLQ1ptSzNtNmZ3TDBsUHE2RG5saFBRSmwzNm5IaFNrc1RqNEo4Tng3UmNUUXZIeDQybVpiTHk3VGVsTCtIcHFnNHBOR2QvNlZCUnRBWFVlQU9nQzRFNzlCd3NLKzBWdnNZdnhGdW0wWWFJRDFQL2FZSnFGbGswZXFQZlBJL1BCYk1LaWoxQUc3eWpXL3RrYU5ORjlaV2VyaUsrSmNhaUExRzk5ZGNzYlp1cFROUCtTZWRpNVpTUVJCSU95S1B2bmpyZEFvOVp0QTZzWWNpNVpBZ0V0ZElVZ0NhSzZvZmx3SFlBMzIyMFBMSnAwTDZEMVN4NmlVSEw1UWhXait2YnJwaHc5T2xUVkFDckRaSkFyV0hzVEJJRzlSbHV0TkFwaUF2dkhGSm1tVHY5d0NOa2hTYVpMcXZUeE5WWGUwSG1uSzJIYjZvNXBYdnJoYUdWRE5DMHI5bE1Sc3UzSkdEdkxrbUVUblNKaGhHNXh6OUVaWWVXcE91TWF6K0RRYXN3TGVzU1VsZVVNRldGUnN2WngyT2tyWFF0N3hRaUZpZnFESHlpUUZpamZ4RXMrc2JDSnk5c2M3YWRtODc3SUV1d1NzMFNRcDMybU9tR0hGVDk0bC9lMkZuQ2RlaDF5c0VXbGRFbE5UV1c1cklqOWNEQlRvWFh1Tll3RkN2OC9pSE1qdzVOYzAvRVYzYVlrVk9QdnBJN0pWWjd4WkN3NXBZblJjS3A1enptYVM2azF4SStpSk5JdnFRQTJOeFFJYzFZUm0yZjNoQllvWVZMdlBRTEp5RVZLRi8zYnBkb1FzY3l4dlo4dmR1WlROaHI3R0hieXhuL3FScy9mSU1Ra1Z0c3l4QjB6enY3eUtJeng4YXlYRXA1ZCt6ZnpCK3RpWTBQRW83SG9iUGZ3RDFiSG9YWWJwNEhob2RRcC91ZjJkTUZBb3B0UTJyeW5OQjE2WmpXbndXdklFS1lrY3ExTTQwRzU1aTBSYlNnTC9CU1gzT0lSeFBkY3ZOVmpYSEpPUzM5YjFDQTFRUy95S1F6SFlibXpWRWhPQTFwWVNhMnpJL2lvRmEwbnlJbmxydFhQR2ZvcTJ4TGJ2eVhJMkVHRTNvVkZRZE1UQUJwQWJkT1hQVitYaTdGWEFKdVpvOXEzME5XVVY4RUU1MllTVjgwdkUxOXhmSkx3eXlneFdiMm42THdZb0o0NjRtNmYrZVQyeWxqQlA5OUhXL2dXSFFyZDZaalNXdk9vS2dOQWRNdXFseDMrbVlnMnRaOXo2ckFNaGoyZy9VMm9Ed1VwVHcwL3ArTEFYYmZkYkl3MVE0WmYvSWNIaERPQ2hHOXZ1OE8rVnpSZFVUeTBGMTAybHlVd1RxTTQwem9zK3dOazlXd2pENngxT0tvMjdxaDlQc2owSHJvVHZhOVI0SU5JTlpCc3RoRUJLcjRpM3U2eGhrcW5TY1RhSU5seDRCdkQ0MlcxYnpjWmtrTmV1Ym9QamZaSVFxdkRBRW42N1hkaWJUTk9UWjNBeVVyWWk3a0s2Z3BWME5kVDZuNll2K0x2WTV5UHZubnVnSG5RUUJxdEEzV1A3aTZYUzMwbGIvb3J6MmZjZmNtbTZkbWtrbEcvTG9LSGlscU55QWNWZzV5bVFIY0dqNjZmaThNQ0VWSjR4MXo0RzZwYTNFTm1TTlFDZDkzakYyWjUyTFBFK2FEWWN3cWtGenRFNURvRnkyMnhPeWJhOHE2VE5OUGxKUHBjR0x4dWtoT21Va0IvdVp1M1lMSVRIajZueGkrWk9UdWlvb1JRVTh2TFJmU2g3SFppZXVYVDJJdng3NzZmNGpsSEJGMVpuYkh1dG1jdEIxbVZ5QnpFY2JTWHFhWFd3dDVXUTRoNFBNOHhFOHhKYmpNRzVpQ2dmU1J6RHFuMlVuTDlmYzc0RE5hUkR5dEpJc0txR1NnNThEdytkTXE2QUZwKzJVRlFBOStiQkZKYWs5RTRLL29aazYwdTh4bmgvWUZVcmg3Q0xnamREMjh2aEROQTNkZFRQZ3l6emYxN3dqUnRrell6WHo4d3BDQ2prK3JYUENKTDlXbnBGMHQzc3VVR1h5OEVvN1N4MmY0TFVSVlZoRnF4Qm1zRC9xTWMyc1Y4M0dmbFFLMUxZMisrcldZTzdUS2hsWWFZbEVuVjhuaUdUR3hvYTgxLzZVTXlXaVkzMHQ0TFFtbmord3A0cmgxVldNZ0NaZ3ZDSW1nUjJ4azk5bncrY013NTJoYkRodE1nS05qc1kvNXIvSmhXYmpoWWhUWnkvVTNFNzk0SVoxOC9aK2tPSHFnWUd0cThiS05QeGFPTm5wd09PQkZYYWEwdFowMzB3cjcvMklXajFDd2x4eFF3Q1dHN2hNeWp6SFlGMUsyMjNVdWsvUGZDVU11eDQ0L25ma2MrUXhYUTVRVlFYOXJ6dndVWHFsRXI1UTZCaHVwRzRYRnE4TTc1VFE0WkpEN2lLWUNKOFNPRWZiRkNlOWptbU0vOTFFRk1YbzFRMjFVSU9ETHRsalVOZU9sakk4WlZjOWtta2xJczhjUGlrTzQ0ajBWZWVGWEF1TnErV0JNN2FJNExMdzZhaml5OXhuTFRLVHZ1d0VKYzI0UzNHZERCRC9RQlB6S0c5aGxzcklqTlpGWWRCU3dta2VPV3FyeXN4NURGTHp6dzRObzBEMVNIQ2Z2UTVCTUo5c1Vvekh5VGNSa21laEg5TnFzVjNqOEk1YTl1K3FhRm9DRlVRbW0yWmVhdXhmaHJla1NhRWtKTEZOR2pTMHRWY2tCOXczb0lPVk8rWWNXQXh4WXhmd0lKM0tJN3ZRR1MvOFFjTkFjWmphVGxpeG9HT2FneFFRblN5Zkl6ZGZOTTd2ODRqRUZPMGNNNXVsUVJ2RXhlQkdLRmJpUlpEdFhYQUVkSjc0OHoxYmpWTGQwQXFhMzY0RTl2Rmp4YzBNRlhidy90bFJzTzBxK0lLTGJSY1U3UURjNHNuSGh5cytCWkdyRVhCUHVlS0hSVklyU09hL1lsVFMwT2RFUVlTQkZDNnNkZlNIV2tVbFNZbW9RNlpiS3VuMktSYUlwNHZFM1MxWWNIeC9mRWQ2V1ROYzZhOVB0UlhXZWh0c2IyaUFGQ3h6SFk5amNrOVB6eldSb3VsalUyQXpPOVJLRmdnZ1d3ekNYcFRoTHozZ25QcTNPTzd6a1lLamIwaTJnbHB3d0cybVZEemE3MEh0RmIvYkhualJPbkZrY0ZTK3ljWG13amw0SGIwTWcrT2d5MDIzVjFpOVZUK0Z5ckZjRFBCaGdHU3NQWXdrSmZhcGladWVrdnFNNExrVmtEdkRhS0JvSnR4WnFaY3ptNUlrRStuaHJyZzdoYWgrRTB0dHdJdzZxNTNUTVhid2dYaEJKT0NpUnhOSTkrei9jREpUeFBpT1ZwZjdZdk5oT3ZJZHlFWHFpK3RRWnRic0x1QzQ3VXE5TDMvZzFuYnBiNjVIa3hCTm5tSVZIZ2ZaZzdMMURF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SStFTURPYUVKa3VNYjdCemdtc2tvRE1tYUtsRWplUE0xMjZVbmlvSnFSUjNVUVpqWTdlVHltT0VVdm52SmhQUEFlQXZxd0QvR1ZaWGNZYlFUa1ZvUjdpQUpocnc3Tm00bEswMkpkb0d0eEZKa2hhb1l3cUJTd2FvRllFSXBXWkt6K1huSDBpWUFEckhiUTBqZWoreFpmOWU4Q0RXbitnM29GUEI4K2l1MWcvblMvWnNTUzNUM3hZRGNTMGVTQTRpcERXSkIzYzUzdU45RGI0aTRObTV0Nm4vOTRPa0RFVCtEWGRKQUM4UmNnU1VGZGNFTFlJRlhZYmlhTkJBNmlVY3YyRm9LTWdncm11QUk1MC9wb2lWVnh5Mm5hdUpjY21jaFB4YmxTbE5xQWkzNHpsQzVIdHZVbjMrSXlmc0JaUitXSEkxTGczTFJ4UHF6dDI3TzQ0Yit3MlFLRStxR0VBTElWL09EM3o2RHJiMGxFTnNBcnZ1bjZ4MXQxQU5ZOWo3WlFRRG9LQnREUWhsY0dDTXQyL0Z1dkc0cERmeStTdEpjTWFnV3hEZ25jcHdMQmJobUxycWp0RVpLMFNYR3kydGVjelF3YmNCOUttdUd2SGw5VmdQVHZTTWgwQXM0K2k5OE9CME81bjJiVTYxRG1WdStMR3JYcUZNV20rdThuNDlEbUFZOVBtVVhWRklBeG0yUnVIc0F4N2RBRDMvWHpSZC9Fdm5qem9QV3pRMEJMQVdLZGpTTDhWbSsxZE9DRGJBdjJaUFVMNVM1Q2s4ajJmSXpxV1lzUTUxSXVQRm9MbXk5Q1pzYW9lYVh3VENURnpxNDZQYUxuUzVxS05lL0lJL3U3Z3U3RmJYclNvQ0tER3pDck9SRUpnQnhUd0IyTWZjbTVkbXpGV2xRTnRmU3BodFdzdkppdWQwZWxhM0ZGVlNYWWRnckZDZ2EyNG54ajQrQ1ZXSGJXaENLRTVhc3Mzb1JzdWgrYzJOOUgxQWVvQjdWazNVM1VhK2Yxaklhdmh2S3JOakp0WUtvNUdTSjJuMkNaK2hsVzRmd1U0SmMzeGFRaDRsTm5UU3JuKzcxTmszS042TFBSWmRMZW9xTEMzTEhPOXRpTFhJOWpPaGplMXFXT0ZScDZ4UUEwNHZRVHVjRnZUVkFZSXM1a2pETjJQYnVyMmJvV3JqV05VaFBBRWVXWGNSS2pyWGYwbmthODg3a3p6cklhRHc5MmQ1UG5WMHo0TzNCdDQ3K1B4a0xpSFpNNU1uMHhHeDlZSktReEhHUUdnc1hJNGE2NFZ6dE9GakxFSUVvVHZ1Ui9vR3Y0L3JZUzlKcFhVZDZHUGR6RVZFOHJ3S01TSW05NFd0N01OMGk1N0g0SVBKSkdvS3R4czllSHJRc3FLc0ZWL1dHdnJPZEZ0MmxxdlhiUXBmaWExamhZWXc3WFhuSXdSOTAvSUlLWFNPcnZVQ0VuSkduZ29EdG1UWHhnSFROdzZndm50OTAva294VjNXZ3VzM0JNSHFydkRyTUFOWWd6VEx0Tm56SFluOERKVUh6eEJ3OFROL1NlSlRQZ2xMNkwrUG1aSFBwc0M2MWhudTJUZVJmUnhzRGkyM3dydGZpdkp6U00xemxBU2hrQjVzZm9oYnB6Ym0xZlhFK2ZrNUlRM1ZhUENUNkpDQjM4bmNkdlNTTUpySk1pQVFDTHhoNk5jZmgzWGZ4VnBNbGZuTlcvR2pGVkh5cU5NQlhJSDFxektLWW9mOC8rYnh0TXU3V09CTkI2NnZjanYyL2hLR2xjTWlIOXRtOEZVZjBXUWN6cFJTSUE0Q1RoajhiYXUyeHZrYlpZWURqczI2VmVOc0x4b2p6ak14dmtMOTd6aGpaajRoNFdFMDNuVFJxa3dBRG12bkNMRDVIRmNmS0YxQ1lrOTI0K2JiTnNDNGlUTzYzNmI5L2RON1dRSm95UWNOMGRCWVZyU3ZENmNBNVNLb3EwSHQ3bUlJTUhNcWc4QWNZUDZnQzByQVMzZ2s4WGpmc01qb3BaZEdsVVU0VzFUbXhFRzdTdXdWeE1iQnRCcFRCMkRNRnpNMmJPNWRNL0dPSlA3MkZCdnRiakJiZ28xNmxsUlZRSStreURRVmZkbTNKNmduQVVaT2RvcW5IYlpsOWZXdDU0MzNhbVZ4OGhuVVdjYUFrTFE1SUl5Wm5vN3gyQWNmbEk1NmVWREJJUTBqWTVZVFRQTEx1R1A2bHlveWxCOWN4SGNuMzREV2VoZ0hPaCtjWFRRUndOeVUzUFBLS0x0TUs0bkZwS0RVV09vUHp3Smx4RjFXNjVVR0Y5TjhQWlA4NzFKYWJxTXdmSHBBdzNubjN3M1VFbXpsMkVyOGxjNHJMdk9hRllMOS90RCsxSi9abUJrd21qNTVtd1o4Sm5BVnI0MmMxWUFqQzRFL2V2NW0xRzdDV25BeUgvM0dBQ2dRMHBMUVltL1VWbjgrOUxtVVRIRnlwU2pvblkyR3UzZTAycGFXd2lVa2xUQ1hqaTcxQkJnQkNCSnQvVC8yZUNlblpVS0JPMFNMc1J6TUNvVGdmMzU0Y1hMRDRvcStoeW1PZlhzYnRPem1xYk5ISzMwbUJBOTgzeFdwTS8xL2JTYWpuVTFjSnphOW9wODZnbEpuWWR2NkgvL0RFem5ZazVUSFQybFlQUDZMb2k1UDFKWXNOaFZvcVkwQ1lETzI3L1htclNxTmZlMktoUjRHd3hUMC9nTDhYdjh2RU11NWxFUHZTaUU3S3dwQmwrWGI3K0pMRVFvTEdMZXZURXFHeG1jeHMrU0NYVVd2S0IvL3dkMFh2MkhrT1RKVEVFNTc0YnJ0Mm9MbVZqRC81QnhhYUM2ZktoUklKSGRtMXFNdUlQaW54TkRvOWtkVTZoMmtJbVNuaUlPclhqcG4yMWVmT2xFUkRDRkh1ZGdYbzh6RnBIQXpZSDlLVm5aSnpQcUJuelBKNEdpT1l3TlQ5bzRKY3N2L0pzZHE2KzNlUlNEMi9DM01mL2FOMXNoTk9tQVNGZmw0akVLRHhxV3VnWnRTcER6bFE1ZzM3TURhL0Q4WC9LZmxIQXpPVlNIeTVpNmxZNzB1V3NjQ0Uxa2sxODBCZ3h0S28reEdqT2tIZ1VEU2tVM0IxWk9pblBYUlFtVVlaNzhCcmJIZzZBczF2T20rSytZcTFaTW5zUDVORHp6SU9RMjRtUXFmeFVseXlEQnM5UmtHMHc2ejgxbk5WT1RBaElOSFdIS0sxN1NGOTZMY1VoWGtIK3pYUUhLU0VKa3BCTHdCaWNkMzk2M0Y3S213TVlNSXppTmpySVAvVFhMUmxLNGdKd3c5cDFaYVpUM0VsdDhVK1pBcmYwVEd1RmkxcXVlODVOOGtDbS9iMG5oRGsyYnAwUW8xSkQzSCtGV2EvQXBtNmFtZXViQ0U1M29kTEpGRkdIMy84MHpNT1RaNEFXRnE5aFpTeDgvQzRWQlNXM1NJaUlxYlhoUnpxVTVIYmIwUUFFMDhtRUVOcnpCOW02ZTRrWFpTYkViMUZSRERxN1lqZzVWZ3drMWFHMndlMDI4bkVUeEhJVlBQb0JKOXBMUFNMcmtLdktmOGZMcW91MkF4eFA4RjFZMU5NVG0rNEdoSHlVSThTMFprUU1pK3NVbkJDNGUxWGlDT2k3WSthN2ZKQkdVc2lMYThUUnhzTkVSQ0FMQWM1REdqMlZHZVMvSFpVUnJSWWp0TWo3b2dBS3padFJ5ZjBRRjM5WSt0bHJZMm0ya0JHMXZxWXV3aE5vRkpRQUJYdXcwVkl6TFZPVDJ6LzJzd09OQ3V5WThVSnpuVUJ5MHRzWGRRNjRMN3BCWk4yUFJHUDJKVlVBMExTOHJjWmdnYnY2dERrdnpqRzMxeXk1b0JvSG93c1N2dkYvbXNjei9CMkpGcERFQmVVMUR2dFlPSXNoMGFuem5nU1NGajFqKzY1MmNSK1U0TFhMUmdhNk82ZXN6cWt1emZFWGNNSzBWMHZ4N2NEZ2ZJQm5PamFhNlgrKzFlMWpSamlRRXR3T1VrSVRLbTFpdytsNDhlR0d4SDNsZGd1NENhS0JTOUpoUnFtUEMzZjJ6ZWZRd0JRdU95TkM1NVZ6RE44UXU5S0pBOVdTL1VEZnJOYTc5OEphM29SQ2psTVFTSHlkM3lJQnZHNjFBY1hzZzRvaktCNFVlTEVEdTA0b3BUN2JydGVBRmMrc3hYbmpQODZWQlNicmFmVUFPMUIvdFdsUWowRmxSMEpqN2p6em5lblJMdndEVXVoZnJuQ1NpNEw4MUgxbStBMFB0NFFwNlBkaHd6QmJQTXhwZ0U3aTFHSDFLQVQzTVJYSGNqZWhtbFduYkdsT0hDYy93K3hBNzkyMGRRdVpQR0F5SnNsZmloRXdobkIxOFJTbVduU1p5TUxVQ1lEZGh4VzV2U3FRL2hPWmtDS2toamdkVnVzNW93cVQ5SXNHeCtIcFhlWllwSndnWWlKRkpYcW5GSkhzNDRTUmxKV1dCQ1BGT3I5VHQrV1B1cG1rWXNIeHNWK1dmeXViQlppdXYxdUlQYnYvdWI1ZGF2UktiOD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bDZ2MUI4ZG02N2RNZnZpR3ZvR3RqNTRSN0k2RDFtTENTKzNpbG8wVnltY25naHlSVVlnNjlqWGp1MFA4d3RHOXhGVERZSUUyS3NvdVBzRERvS0JsZ1VUUExtS2dqMkx2TGlkWlU1ZmJKeVFyTkdHRG04Q1U2OEpJa3phYW9GSk55TWYxWjQ1MzJaQm82SXdJMmpTQnk4WW5YMlB5Snh5bWh0b0drQ3R4SGo4eUtYWHpabnN1YjBLdWZOUExMOWt3K3lld2FPUUY0L3VLdnBic3dRV1NURjRqUEw1M3pMRjM3bVdWZ3lCK2NLbDZ4dkdLYklRUnhKaEdnT0FOS3hYRFplUFBzZGE2TWJGMVJ5azRVbFhZUFVISm80TlY2RVZMV0RvSGRhak1aTG1pcTJCS0JieHZVMnZjV2FkZklVcG16VnBDTUxnZHFuc0VaNmlEckF6OWpYUGpvV3RmQnZvVFozZC9hTWR0VmtLRmRCODRLbSt5TGpmMUxtYTlUUnp0c1Q1ckNMSzg5ZksxeE11NVBsVUZDcWxGcncrVDQrMEsvVkRqcDJTQStHSWlvUUJ2NXV2aUdKYUd3SUV5WWUxNGVlR1BlSVFDOFRNclVoNFYzRHIvMFNJcG02NlBFQ0RPbVdrRSsrNFd2Tmo4VERaalhjQUJ0Vi9Vd2cwWk1QWHpGdHV3eEIwRGI1UHpHaEdRWUx3RjR2alhRcHpVQjlvSlRUWDhvQitDNTYzd2daWmMwTXNqYjZLMW9TL0o3ZWVWbUJETGVWelF6VUVlZE1pOFhQVVJiUndtNTFyK3BjZWlyd1VHUkVKRHdRN2tHdzZoa1BrS1RqVGVJRG9reXZwUGx0Qjl6ZFR0WnF2Qk1YaDQxQjBHNWswaUlSQ1pPVnMwTTRhN01Ga2JVUWNYN1daMVdYd3hzUGZvZDF5VVJoeUxUcEZHSjRFdmxiSEhmNW9NRk9OUUFQTzlQeVV4U0xYcFJqeWQ5MHJxQjAxRU4vcjZIRzZzWXQvSmlXRG8rUFgxNWFjeGhJbFpKSEtIRTdaQS9ScUpkZzF3SlZhQlNiVlVMQ1U0YVJrcnJLMC8xWE9abktrOVJHdmtkMjlsMlpsYWdZQXZNWDEycmxZL0hIbjM4UERiUTl5UHVTZHcvYVViNjRKK2p1T3JUdWNCK1Y0WkovM3NKMDZUSExIYW0yQ2lIVTlwUWJBYkRxV09XRU5UWEs0SVRjVW03MndmVXNwZy9pa0dBYkFjSDRwZEFzdGdxMkpOMi9Ia2pCVHc3cFFFcDF4SnA3eDhjVmpTZVg3SmxrbUFsZE1tbGxRcmNueDFtdTN4dFZrSnJEQjJMVHMrMmIvZ3V6WmJjOS8wUmUxQmszK3ZYc3NjWHJJcHliQmlmVHVQTjZCRG1uZEVWc3k4L3lvMThxdGN2ZGFsSU1oeGpzU2U5WUpkeUYvOUxWMzI0QTZEeTcveHVMQXZyak41ZWhpcGEwdjhxMklmYVpMeEcranMrS2dUYXBnNnpHRVUyYXNiaXVkOGc3NVltNlhnbjlnRkNsa2FyK3lVQm1raEZWR1AvdlZIQXJIbyszdW03SjR3cGQzQVM4WWlhcWFGV0toVGo0Tk82Ym95aHRQN3l3YmZtaVo5enJCMDUwUWVZTFVGK3VOQ0dWU1pjaE1ZRUtDZHFGS0xhTXpZTXFyN1BVRVdLbnNJQThPcGZYTTN2ZnAxeTRFUkFzUm1HS0xHaDdkZnIzVFpuZVlWQTdnVW5oRXFuekJpTktWSkpwWktJeGF5N0hQZmRlL3lOTVh3SXZ6aXNKelBONHBPaW45ajdTZEFxS1d2QmRTeDFmZ24xek1RQ3ByQmg0QkhKbXlKT1I2ZDY0U3RjQVdqc3ZDU3ZUVERCa0JoREovRFpUeWNZUTM1TE1TUkxteDR4eWFxbHpjWDFYN1o2a3RnQjl1YS9Zc0ZOenFlYWpHY3hPWkpycVNCWjc4cWQrVDJHdmxHMmdZL3BhZDFWSUR4VGFtZkxKcEU0ZE5xRTkvUm1JN1R3S3Q2aGdRWmxodDV1WVFoUllIL3BWN1IxenVJZ284M1lMOWM1dC82Z0UxUzA4U0dWVk5LK3BUT3J6bFJhTnFRSVBualg0NkpsWGFqTGVtR1lPU1hhNVV5TXJ4NFRKNGpqYmxYTDl5bWthcjg1VVpGNlJTSEg1alhWOERIYXJmZW9obGxVaWxzNmM2K2VnMVRyYmRKaEhEdXcreGpTT2NTTHVlbHVuZmI2RFIweVMwWjQxVkVHdFh4VVJwaVByVG9heGZjbld0Rlp5ZFh3SUhERDE1blJzdHYzbEJ3aTVpK2haeXFoV2VrK2RXZzlIb1doSjBqeXF5QWZWWlUvQTk5ZG5NdzZOZlpnK1c1QzRTOGk0K2RXQ0gzQmE2ZXY1YkNCNnQ0ZzI0RHBYb29Bamkxc1FyVitSbWthbXUxV0pSQVRNbktrSlhUQmJMN29zVVVEMXRKb0tmSUZIZXFOSEJ3djhRNmk1L05QTWFKYVpNVnowbkk4NmNPclNZNHAyZGRTeWduZVJPUXZtby9HYmJoc29sVXVzZlcvYnNWRCtwVk1TbUNFdUF1UkEyNlY2WmZEM25BTmIyeXVYRURaR3VjRlNLTjd5bGlqWlJNdG9Mb2ZlUkhqbmNRcFQ0d2VXWDV0bGdYakFxK2ZzR1lLWXU1aEQ0dm5RaUgxSmdaT0p2S0VzcGhlOWg2MzRsd3hwbVV0ODROZjJrSUVTRCtEWFNaZHp1b1locWl4TURCQVhmdkE0L2RJKzcvRmt5RHlPUGhrQlF2WkRDb2U2OC9hR2lHS3dTTXVMak9XM2YwWUl0My9vMWp0cVprK0NrL1ZaNXpYRjd2ZmJPa3lvY09TRUg0SllNc21laXNOS2xKRTlia2pFdThGYXdtaTk3cFNYdzFJNnJvQmNQc1FLdDRla25sVGxoek9hNEppcnNjRE9sUTBYbGtUYmJlT2FpUDA5dWJRUXVRNEpBanZVd2hIT01XSExmYzIzazAwYU0wL2ZBQllCcERUN1BkdVJXRTI2TWV4RFhmVWkrM2Rqd29YVW5KY0tVSGVBUW5NSjU5S0FBUXFVUmVMVC9JTG9aUkI4NFpGdC9XaFYrMDIvbHRlclUxYkRFKzZNWTJzeHNXUVdMRlJ4U2tadSszQ09NNFB3T2NmMis0WElxNzZlcm4rbG5CejJFWWpNbDg5Ym9qeFhCMDM0RmlKZ0QrbG5wWTU2Sk5EUHRBMlM4dUFFVXU0ZEhneXRwTFdtV25PSm1nMDBLUDJiSjQ3UjZYRDlCdGVjUTMvZW9EdzBqNU1UVUVHS29XYjdTR09wRVJibk5hNDhLZXRiWkJtd0Z0VnE3b1hNOFRCSmhHSy9tcjBDUkRVQk9rcVB1YUhka09adzdvTmIwTnVTOVMrQ3llN3MvdEt3ay92ODR0TUQ0cWY2UUZFYXBPSFZkT3pDZEh3bkVRbWNPMWZYSllURzR6aTJicXRaVjc2azNCRCsvTFR1aXlQdnorN1F0UlpvRnlLYUpCRjBha09SeTlLZXhiRFp5eldqcmlabjkxVlV0Z3FGZUNNTjR6RGF2Wm93RmI3bXQ3L1BWM3lVdkhIT3RIR0J3bjkyYktiUFMxSVJoMzZRRXFEb1NUTDQ1NUE1M2l0TzFPRkEyZ2RWcTZrZzBXMFdzOVlMZWRTZFVGK1hVWTdnUmlqRll4Rit4NG1vZVE5MnB4L1FoMTVlc0x0Z2E5TFlDemkzYysyYmhwM3FySGc3Yi9UTmtiaDdKbG5ROXNuczk3YkVzSnJVVXY2UnNUQ0txMURPR0lLSUtyMGRqYjJycU0zY3pkSGgvRksrZC9oK0RiZk0vb3FGRkpBbnNoWHlKL01idG1FSkhvV2ZUa01kaVFVS3FhSFRhR3drbUk1MWtjVVFYNGdsYldMWUtYSUFpdTBIK1FocmE3ZHlQWnNzMmpTTGQ5VHlBQjcwUFc5eGxqMXorUFJIUDBGcUR6M25hcTdjOVM3NG9UUEV0ZUwzNGhDK2JoN3oveXRFSG9vSUZ0KytMcHpIV1poaXpIQ1BJMEoxdnhvZVgxdjU4NFZrMHc4MG1BMTMxYjBYbExTZEFhTWZoSXJTZHMxU01ZZXljM2x3LzRPNW5uY21UZDh5b2ZRZFlCL3V5VHYzOVN1bFc2aFhoaFFzRU03L3B6RnIwdXdZeDdvYWZkWEtOTC91L3M5OENLOGVObmhFRU5hZFlnWFFiMytld0xvZkkxVXp4em9oYlVNVUU3UGhhYjZMdW94b0p5NjJ1ZlY4MmJIYmhncit2dWxKY01WKy9Lc0tZc1VoOVpuN0R5TkFURHRMUXU0Tko3MlVwMnV0ZjgzMjNnTldyMWp2V2xHcUFaMjhwckxJdUdFSUo4ci9oQlVOWHdVQ0FaZVZWdS82bkp2VUg1eVViK3RJVzRTRWI3VTVXYUtucVpSUlpOeW5sRkdxaTJXNEFxd2VOeUcvWFRIWG01bmZvdVFIZ0x5OEhJNHAzNjRDV1VpTlNaSC9tbDZoeDNxcWducmRwWkQ4UjRML1poN1BqND0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! Master EN V3.potx" id="{A862B5BB-D278-4138-B1BE-96841DFE558A}" vid="{D3F05F18-E8EB-4E31-B180-6743A9CFE46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EBE0709-55BD-4B8C-85A5-6050207CC0D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983ED25F-1C03-407A-ABF7-1EE1CD23948C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47eff0bb-008a-4c79-bfee-b5d8596475ce"/>
    <ds:schemaRef ds:uri="http://purl.org/dc/terms/"/>
    <ds:schemaRef ds:uri="http://purl.org/dc/elements/1.1/"/>
    <ds:schemaRef ds:uri="http://schemas.openxmlformats.org/package/2006/metadata/core-properties"/>
    <ds:schemaRef ds:uri="http://purl.org/dc/dcmitype/"/>
    <ds:schemaRef ds:uri="bc24777f-78b6-4f3c-a73a-d5fa08e4d537"/>
    <ds:schemaRef ds:uri="c9077d15-72ed-4fec-bcfe-3472729e9195"/>
    <ds:schemaRef ds:uri="5319aa8d-3f69-4e81-ac99-b3fa99fcdcb5"/>
    <ds:schemaRef ds:uri="c49287e1-5f91-4cd8-b7b2-d60eb1ae3add"/>
  </ds:schemaRefs>
</ds:datastoreItem>
</file>

<file path=customXml/itemProps3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42</Words>
  <Application>Microsoft Macintosh PowerPoint</Application>
  <PresentationFormat>Breitbild</PresentationFormat>
  <Paragraphs>22</Paragraphs>
  <Slides>1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Source Sans Pro</vt:lpstr>
      <vt:lpstr>Source Sans Pro SemiBold</vt:lpstr>
      <vt:lpstr>Benutzerdefiniertes Design</vt:lpstr>
      <vt:lpstr>Staff 2025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Fabiola Thomann</dc:creator>
  <dc:description/>
  <cp:lastModifiedBy>Ren Schnüriger</cp:lastModifiedBy>
  <cp:revision>12</cp:revision>
  <dcterms:created xsi:type="dcterms:W3CDTF">2025-10-28T09:47:13Z</dcterms:created>
  <dcterms:modified xsi:type="dcterms:W3CDTF">2026-03-25T10:05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